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②参考様式\"/>
    </mc:Choice>
  </mc:AlternateContent>
  <bookViews>
    <workbookView xWindow="480" yWindow="15" windowWidth="10620" windowHeight="9000" tabRatio="813"/>
  </bookViews>
  <sheets>
    <sheet name="弁栓類鉄蓋据付" sheetId="9" r:id="rId1"/>
  </sheets>
  <definedNames>
    <definedName name="_xlnm.Print_Area" localSheetId="0">弁栓類鉄蓋据付!$A$1:$J$35</definedName>
  </definedNames>
  <calcPr calcId="145621" refMode="R1C1"/>
</workbook>
</file>

<file path=xl/sharedStrings.xml><?xml version="1.0" encoding="utf-8"?>
<sst xmlns="http://schemas.openxmlformats.org/spreadsheetml/2006/main" count="22" uniqueCount="21">
  <si>
    <t>管種・口径</t>
    <rPh sb="0" eb="1">
      <t>カン</t>
    </rPh>
    <rPh sb="1" eb="2">
      <t>シュ</t>
    </rPh>
    <rPh sb="3" eb="5">
      <t>コウケイ</t>
    </rPh>
    <phoneticPr fontId="2"/>
  </si>
  <si>
    <t>路面との段差</t>
    <rPh sb="0" eb="2">
      <t>ロメン</t>
    </rPh>
    <rPh sb="4" eb="6">
      <t>ダンサ</t>
    </rPh>
    <phoneticPr fontId="2"/>
  </si>
  <si>
    <t>工  種　弁栓類鉄蓋据付</t>
    <rPh sb="0" eb="1">
      <t>コウ</t>
    </rPh>
    <rPh sb="3" eb="4">
      <t>タネ</t>
    </rPh>
    <rPh sb="5" eb="6">
      <t>ベン</t>
    </rPh>
    <rPh sb="6" eb="7">
      <t>セン</t>
    </rPh>
    <rPh sb="7" eb="8">
      <t>ルイ</t>
    </rPh>
    <rPh sb="8" eb="9">
      <t>テツ</t>
    </rPh>
    <rPh sb="9" eb="10">
      <t>ブタ</t>
    </rPh>
    <rPh sb="10" eb="11">
      <t>キョ</t>
    </rPh>
    <rPh sb="11" eb="12">
      <t>ヅケ</t>
    </rPh>
    <phoneticPr fontId="2"/>
  </si>
  <si>
    <t>測定値(mm)</t>
    <rPh sb="0" eb="3">
      <t>ソクテイチ</t>
    </rPh>
    <phoneticPr fontId="2"/>
  </si>
  <si>
    <t>仕切弁設置
（スピンドル位置）</t>
    <phoneticPr fontId="2"/>
  </si>
  <si>
    <t>起　工　番　号  　</t>
    <phoneticPr fontId="2"/>
  </si>
  <si>
    <t>工     事    名  　</t>
    <phoneticPr fontId="2"/>
  </si>
  <si>
    <t>判定
（段差がなければ○）</t>
    <rPh sb="0" eb="2">
      <t>ハンテイ</t>
    </rPh>
    <rPh sb="4" eb="6">
      <t>ダンサ</t>
    </rPh>
    <phoneticPr fontId="2"/>
  </si>
  <si>
    <t>管理番号</t>
    <phoneticPr fontId="2"/>
  </si>
  <si>
    <t>出 来 形 管 理 図 表 （配 水 管 布 設 工 事）</t>
    <rPh sb="0" eb="1">
      <t>デ</t>
    </rPh>
    <rPh sb="2" eb="3">
      <t>ライ</t>
    </rPh>
    <rPh sb="4" eb="5">
      <t>カタ</t>
    </rPh>
    <rPh sb="6" eb="7">
      <t>カン</t>
    </rPh>
    <rPh sb="8" eb="9">
      <t>リ</t>
    </rPh>
    <rPh sb="10" eb="11">
      <t>ズ</t>
    </rPh>
    <rPh sb="12" eb="13">
      <t>オモテ</t>
    </rPh>
    <rPh sb="15" eb="16">
      <t>クバ</t>
    </rPh>
    <rPh sb="17" eb="18">
      <t>ミズ</t>
    </rPh>
    <rPh sb="19" eb="20">
      <t>カン</t>
    </rPh>
    <rPh sb="21" eb="22">
      <t>ヌノ</t>
    </rPh>
    <rPh sb="23" eb="24">
      <t>セツ</t>
    </rPh>
    <rPh sb="25" eb="26">
      <t>コウ</t>
    </rPh>
    <rPh sb="27" eb="28">
      <t>コト</t>
    </rPh>
    <phoneticPr fontId="2"/>
  </si>
  <si>
    <t>規格値
中心から30mm</t>
    <rPh sb="4" eb="6">
      <t>チュウシン</t>
    </rPh>
    <phoneticPr fontId="2"/>
  </si>
  <si>
    <t>規格値
段差がないこと</t>
    <phoneticPr fontId="2"/>
  </si>
  <si>
    <t>※　仕切弁・消火栓・空気弁はキャップ等の深さ。ブロック管理用弁はカップリングの深さ。</t>
    <rPh sb="2" eb="5">
      <t>シキリベン</t>
    </rPh>
    <rPh sb="6" eb="9">
      <t>ショウカセン</t>
    </rPh>
    <rPh sb="10" eb="12">
      <t>クウキ</t>
    </rPh>
    <rPh sb="12" eb="13">
      <t>ベン</t>
    </rPh>
    <rPh sb="18" eb="19">
      <t>トウ</t>
    </rPh>
    <rPh sb="20" eb="21">
      <t>フカ</t>
    </rPh>
    <rPh sb="27" eb="30">
      <t>カンリヨウ</t>
    </rPh>
    <rPh sb="30" eb="31">
      <t>ベン</t>
    </rPh>
    <rPh sb="39" eb="40">
      <t>フカ</t>
    </rPh>
    <phoneticPr fontId="2"/>
  </si>
  <si>
    <t>※</t>
    <phoneticPr fontId="2"/>
  </si>
  <si>
    <t>キャップ等の深さ　
カップリングの深さ</t>
    <rPh sb="4" eb="5">
      <t>トウ</t>
    </rPh>
    <rPh sb="6" eb="7">
      <t>フカ</t>
    </rPh>
    <rPh sb="17" eb="18">
      <t>フカ</t>
    </rPh>
    <phoneticPr fontId="2"/>
  </si>
  <si>
    <t>　　　　　     　規格値
　GLから
　仕切弁は150～450㎜
　消火栓は150～300㎜
　空気弁は150～300㎜
　ﾌﾞﾛｯｸ管理用弁は375㎜以上</t>
    <rPh sb="22" eb="25">
      <t>シキリベン</t>
    </rPh>
    <rPh sb="36" eb="39">
      <t>ショウカセン</t>
    </rPh>
    <rPh sb="50" eb="52">
      <t>クウキ</t>
    </rPh>
    <rPh sb="52" eb="53">
      <t>ベン</t>
    </rPh>
    <rPh sb="69" eb="72">
      <t>カンリヨウ</t>
    </rPh>
    <rPh sb="72" eb="73">
      <t>ベン</t>
    </rPh>
    <rPh sb="78" eb="80">
      <t>イジョウ</t>
    </rPh>
    <phoneticPr fontId="2"/>
  </si>
  <si>
    <t>総括監督員</t>
    <rPh sb="0" eb="2">
      <t>ソウカツ</t>
    </rPh>
    <rPh sb="2" eb="4">
      <t>カントク</t>
    </rPh>
    <rPh sb="4" eb="5">
      <t>イン</t>
    </rPh>
    <phoneticPr fontId="2"/>
  </si>
  <si>
    <t>主任（監理）技術者</t>
    <rPh sb="0" eb="2">
      <t>シュニン</t>
    </rPh>
    <rPh sb="3" eb="5">
      <t>カンリ</t>
    </rPh>
    <rPh sb="6" eb="9">
      <t>ギジュツシャ</t>
    </rPh>
    <phoneticPr fontId="2"/>
  </si>
  <si>
    <t>主任監督員</t>
    <rPh sb="0" eb="2">
      <t>シュニン</t>
    </rPh>
    <rPh sb="2" eb="5">
      <t>カントクイン</t>
    </rPh>
    <phoneticPr fontId="2"/>
  </si>
  <si>
    <t>現場代理人</t>
    <rPh sb="0" eb="2">
      <t>ゲンバ</t>
    </rPh>
    <rPh sb="2" eb="5">
      <t>ダイリニン</t>
    </rPh>
    <phoneticPr fontId="2"/>
  </si>
  <si>
    <t>工事監督員</t>
    <rPh sb="0" eb="2">
      <t>コウジ</t>
    </rPh>
    <rPh sb="2" eb="5">
      <t>カントクイ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double">
        <color indexed="64"/>
      </top>
      <bottom/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double">
        <color indexed="64"/>
      </right>
      <top/>
      <bottom style="hair">
        <color indexed="64"/>
      </bottom>
      <diagonal/>
    </border>
    <border>
      <left style="double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double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uble">
        <color indexed="64"/>
      </left>
      <right/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double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double">
        <color indexed="64"/>
      </bottom>
      <diagonal/>
    </border>
  </borders>
  <cellStyleXfs count="1">
    <xf numFmtId="0" fontId="0" fillId="0" borderId="0">
      <alignment vertical="center"/>
    </xf>
  </cellStyleXfs>
  <cellXfs count="80">
    <xf numFmtId="0" fontId="0" fillId="0" borderId="0" xfId="0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>
      <alignment vertical="center"/>
    </xf>
    <xf numFmtId="0" fontId="0" fillId="0" borderId="0" xfId="0" applyFill="1" applyBorder="1">
      <alignment vertical="center"/>
    </xf>
    <xf numFmtId="49" fontId="0" fillId="0" borderId="0" xfId="0" applyNumberForma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6" fillId="0" borderId="0" xfId="0" applyFont="1">
      <alignment vertical="center"/>
    </xf>
    <xf numFmtId="0" fontId="7" fillId="0" borderId="0" xfId="0" applyFont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0" fontId="0" fillId="0" borderId="0" xfId="0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7" fillId="0" borderId="0" xfId="0" applyFont="1" applyFill="1" applyBorder="1">
      <alignment vertical="center"/>
    </xf>
    <xf numFmtId="0" fontId="7" fillId="0" borderId="0" xfId="0" applyFont="1" applyBorder="1">
      <alignment vertical="center"/>
    </xf>
    <xf numFmtId="0" fontId="6" fillId="0" borderId="0" xfId="0" applyFont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3" fillId="0" borderId="4" xfId="0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 shrinkToFit="1"/>
    </xf>
    <xf numFmtId="0" fontId="3" fillId="0" borderId="8" xfId="0" applyFont="1" applyBorder="1" applyAlignment="1">
      <alignment horizontal="center" vertical="center" wrapText="1"/>
    </xf>
    <xf numFmtId="0" fontId="5" fillId="0" borderId="9" xfId="0" applyNumberFormat="1" applyFont="1" applyFill="1" applyBorder="1" applyAlignment="1">
      <alignment horizontal="center" vertical="center" wrapText="1"/>
    </xf>
    <xf numFmtId="0" fontId="0" fillId="0" borderId="10" xfId="0" applyBorder="1" applyAlignment="1">
      <alignment horizontal="left"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left" vertical="center" shrinkToFit="1"/>
    </xf>
    <xf numFmtId="0" fontId="0" fillId="0" borderId="13" xfId="0" applyBorder="1" applyAlignment="1">
      <alignment horizontal="center" vertical="center"/>
    </xf>
    <xf numFmtId="0" fontId="0" fillId="0" borderId="12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15" xfId="0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shrinkToFit="1"/>
    </xf>
    <xf numFmtId="0" fontId="6" fillId="0" borderId="22" xfId="0" applyFont="1" applyFill="1" applyBorder="1" applyAlignment="1">
      <alignment horizontal="left" vertical="center" wrapText="1"/>
    </xf>
    <xf numFmtId="0" fontId="4" fillId="0" borderId="0" xfId="0" applyFont="1" applyFill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Border="1">
      <alignment vertical="center"/>
    </xf>
    <xf numFmtId="0" fontId="0" fillId="0" borderId="0" xfId="0" applyAlignment="1">
      <alignment vertical="center" shrinkToFit="1"/>
    </xf>
    <xf numFmtId="0" fontId="0" fillId="0" borderId="13" xfId="0" applyBorder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13" xfId="0" applyBorder="1" applyAlignment="1">
      <alignment horizontal="left" vertical="center" shrinkToFit="1"/>
    </xf>
    <xf numFmtId="0" fontId="0" fillId="0" borderId="0" xfId="0" applyAlignment="1">
      <alignment horizontal="left" vertical="center"/>
    </xf>
    <xf numFmtId="0" fontId="0" fillId="0" borderId="16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6" fillId="0" borderId="21" xfId="0" applyFont="1" applyBorder="1" applyAlignment="1">
      <alignment horizontal="left" vertical="center" shrinkToFit="1"/>
    </xf>
    <xf numFmtId="0" fontId="4" fillId="0" borderId="0" xfId="0" applyFont="1" applyFill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25" xfId="0" applyFont="1" applyBorder="1" applyAlignment="1">
      <alignment horizontal="center" vertical="center"/>
    </xf>
    <xf numFmtId="0" fontId="6" fillId="0" borderId="26" xfId="0" applyFont="1" applyBorder="1" applyAlignment="1">
      <alignment horizontal="center" vertical="center"/>
    </xf>
    <xf numFmtId="0" fontId="6" fillId="0" borderId="27" xfId="0" applyFont="1" applyBorder="1" applyAlignment="1">
      <alignment horizontal="center" vertical="center"/>
    </xf>
    <xf numFmtId="0" fontId="6" fillId="0" borderId="32" xfId="0" applyFont="1" applyBorder="1" applyAlignment="1">
      <alignment horizontal="center" vertical="center"/>
    </xf>
    <xf numFmtId="0" fontId="6" fillId="0" borderId="33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6" fillId="0" borderId="32" xfId="0" applyFont="1" applyFill="1" applyBorder="1" applyAlignment="1">
      <alignment horizontal="center" vertical="center" wrapText="1"/>
    </xf>
    <xf numFmtId="0" fontId="6" fillId="0" borderId="20" xfId="0" applyFont="1" applyFill="1" applyBorder="1" applyAlignment="1">
      <alignment horizontal="center" vertical="center" wrapText="1"/>
    </xf>
    <xf numFmtId="0" fontId="6" fillId="0" borderId="21" xfId="0" applyFont="1" applyFill="1" applyBorder="1" applyAlignment="1">
      <alignment horizontal="center" vertical="center" wrapText="1"/>
    </xf>
    <xf numFmtId="0" fontId="5" fillId="0" borderId="28" xfId="0" applyNumberFormat="1" applyFont="1" applyBorder="1" applyAlignment="1">
      <alignment horizontal="center" vertical="center" wrapText="1" shrinkToFit="1"/>
    </xf>
    <xf numFmtId="0" fontId="5" fillId="0" borderId="30" xfId="0" applyNumberFormat="1" applyFont="1" applyBorder="1" applyAlignment="1">
      <alignment horizontal="center" vertical="center" shrinkToFit="1"/>
    </xf>
    <xf numFmtId="0" fontId="5" fillId="0" borderId="28" xfId="0" applyNumberFormat="1" applyFont="1" applyFill="1" applyBorder="1" applyAlignment="1">
      <alignment horizontal="left" vertical="center" wrapText="1" shrinkToFit="1"/>
    </xf>
    <xf numFmtId="0" fontId="5" fillId="0" borderId="29" xfId="0" applyNumberFormat="1" applyFont="1" applyFill="1" applyBorder="1" applyAlignment="1">
      <alignment horizontal="left" vertical="center" shrinkToFit="1"/>
    </xf>
    <xf numFmtId="0" fontId="5" fillId="0" borderId="30" xfId="0" applyNumberFormat="1" applyFont="1" applyFill="1" applyBorder="1" applyAlignment="1">
      <alignment horizontal="left" vertical="center" shrinkToFit="1"/>
    </xf>
    <xf numFmtId="0" fontId="6" fillId="0" borderId="31" xfId="0" applyFont="1" applyBorder="1" applyAlignment="1">
      <alignment horizontal="center" vertical="center" wrapText="1"/>
    </xf>
    <xf numFmtId="0" fontId="6" fillId="0" borderId="23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5"/>
  <sheetViews>
    <sheetView showGridLines="0" tabSelected="1" view="pageBreakPreview" topLeftCell="A25" zoomScaleNormal="115" zoomScaleSheetLayoutView="100" workbookViewId="0">
      <selection activeCell="D32" sqref="D32:J34"/>
    </sheetView>
  </sheetViews>
  <sheetFormatPr defaultRowHeight="13.5" x14ac:dyDescent="0.15"/>
  <cols>
    <col min="1" max="1" width="19.375" customWidth="1"/>
    <col min="2" max="2" width="6.375" style="11" bestFit="1" customWidth="1"/>
    <col min="3" max="3" width="11.75" style="11" customWidth="1"/>
    <col min="4" max="4" width="7.5" customWidth="1"/>
    <col min="5" max="5" width="6.625" customWidth="1"/>
    <col min="6" max="6" width="6.875" style="11" customWidth="1"/>
    <col min="7" max="7" width="4.25" style="11" customWidth="1"/>
    <col min="8" max="8" width="4.5" style="11" customWidth="1"/>
    <col min="9" max="9" width="3.375" style="11" customWidth="1"/>
    <col min="10" max="10" width="16.375" style="11" customWidth="1"/>
    <col min="11" max="11" width="2.375" customWidth="1"/>
    <col min="12" max="12" width="4.25" customWidth="1"/>
    <col min="13" max="13" width="5.5" customWidth="1"/>
    <col min="14" max="14" width="4.25" customWidth="1"/>
    <col min="15" max="15" width="5.5" bestFit="1" customWidth="1"/>
    <col min="16" max="16" width="4.25" style="11" bestFit="1" customWidth="1"/>
    <col min="17" max="17" width="5.5" bestFit="1" customWidth="1"/>
    <col min="18" max="18" width="4.25" style="11" bestFit="1" customWidth="1"/>
    <col min="19" max="19" width="5.75" bestFit="1" customWidth="1"/>
    <col min="20" max="20" width="4.25" style="11" bestFit="1" customWidth="1"/>
    <col min="21" max="21" width="2.875" bestFit="1" customWidth="1"/>
  </cols>
  <sheetData>
    <row r="1" spans="1:21" s="2" customFormat="1" ht="21" customHeight="1" x14ac:dyDescent="0.15">
      <c r="B1" s="10"/>
      <c r="C1" s="10"/>
    </row>
    <row r="2" spans="1:21" s="2" customFormat="1" ht="18" customHeight="1" x14ac:dyDescent="0.15">
      <c r="A2" s="57" t="s">
        <v>9</v>
      </c>
      <c r="B2" s="57"/>
      <c r="C2" s="57"/>
      <c r="D2" s="57"/>
      <c r="E2" s="57"/>
      <c r="F2" s="57"/>
      <c r="G2" s="57"/>
      <c r="H2" s="57"/>
      <c r="I2" s="57"/>
      <c r="J2" s="57"/>
      <c r="K2" s="36"/>
      <c r="L2" s="36"/>
      <c r="M2" s="36"/>
      <c r="N2" s="36"/>
    </row>
    <row r="3" spans="1:21" ht="18" customHeight="1" x14ac:dyDescent="0.15">
      <c r="A3" s="5"/>
      <c r="E3" s="7" t="s">
        <v>5</v>
      </c>
      <c r="H3" s="14"/>
      <c r="K3" s="14"/>
      <c r="L3" s="14"/>
      <c r="R3" s="7"/>
      <c r="S3" s="7"/>
      <c r="T3" s="7"/>
      <c r="U3" s="7"/>
    </row>
    <row r="4" spans="1:21" ht="18" customHeight="1" x14ac:dyDescent="0.15">
      <c r="A4" s="5"/>
      <c r="E4" s="7" t="s">
        <v>6</v>
      </c>
      <c r="H4" s="14"/>
      <c r="J4"/>
      <c r="N4" s="7"/>
      <c r="R4" s="7"/>
      <c r="S4" s="7"/>
      <c r="T4" s="7"/>
      <c r="U4" s="7"/>
    </row>
    <row r="5" spans="1:21" ht="25.5" customHeight="1" x14ac:dyDescent="0.15">
      <c r="A5" s="8" t="s">
        <v>2</v>
      </c>
      <c r="B5" s="15"/>
      <c r="C5" s="15"/>
      <c r="D5" s="13"/>
      <c r="F5" s="1"/>
      <c r="G5" s="1"/>
      <c r="H5" s="1"/>
      <c r="I5" s="6"/>
      <c r="J5" s="6"/>
      <c r="L5" s="6"/>
      <c r="P5"/>
      <c r="R5"/>
      <c r="T5"/>
    </row>
    <row r="6" spans="1:21" s="2" customFormat="1" ht="9.75" customHeight="1" thickBot="1" x14ac:dyDescent="0.2">
      <c r="A6" s="9"/>
      <c r="B6" s="16"/>
      <c r="C6" s="16"/>
      <c r="D6" s="12"/>
      <c r="F6" s="4"/>
      <c r="G6" s="4"/>
      <c r="H6" s="4"/>
      <c r="I6" s="4"/>
      <c r="J6" s="4"/>
      <c r="L6" s="10"/>
      <c r="N6" s="3"/>
      <c r="O6" s="3"/>
      <c r="P6" s="3"/>
      <c r="Q6" s="3"/>
      <c r="R6" s="3"/>
      <c r="S6" s="3"/>
      <c r="T6" s="3"/>
    </row>
    <row r="7" spans="1:21" s="2" customFormat="1" ht="28.5" customHeight="1" thickTop="1" x14ac:dyDescent="0.15">
      <c r="A7" s="58" t="s">
        <v>0</v>
      </c>
      <c r="B7" s="59"/>
      <c r="C7" s="62" t="s">
        <v>8</v>
      </c>
      <c r="D7" s="65" t="s">
        <v>4</v>
      </c>
      <c r="E7" s="65"/>
      <c r="F7" s="66" t="s">
        <v>14</v>
      </c>
      <c r="G7" s="67"/>
      <c r="H7" s="67"/>
      <c r="I7" s="35" t="s">
        <v>13</v>
      </c>
      <c r="J7" s="18" t="s">
        <v>1</v>
      </c>
      <c r="L7" s="10"/>
    </row>
    <row r="8" spans="1:21" s="2" customFormat="1" ht="65.25" customHeight="1" x14ac:dyDescent="0.15">
      <c r="A8" s="60"/>
      <c r="B8" s="61"/>
      <c r="C8" s="63"/>
      <c r="D8" s="68" t="s">
        <v>10</v>
      </c>
      <c r="E8" s="69"/>
      <c r="F8" s="70" t="s">
        <v>15</v>
      </c>
      <c r="G8" s="71"/>
      <c r="H8" s="71"/>
      <c r="I8" s="72"/>
      <c r="J8" s="23" t="s">
        <v>11</v>
      </c>
      <c r="L8" s="10"/>
    </row>
    <row r="9" spans="1:21" ht="28.5" customHeight="1" x14ac:dyDescent="0.15">
      <c r="A9" s="60"/>
      <c r="B9" s="61"/>
      <c r="C9" s="64"/>
      <c r="D9" s="73" t="s">
        <v>3</v>
      </c>
      <c r="E9" s="73"/>
      <c r="F9" s="73" t="s">
        <v>3</v>
      </c>
      <c r="G9" s="73"/>
      <c r="H9" s="73"/>
      <c r="I9" s="73"/>
      <c r="J9" s="22" t="s">
        <v>7</v>
      </c>
      <c r="P9"/>
      <c r="R9"/>
      <c r="T9"/>
    </row>
    <row r="10" spans="1:21" ht="22.5" customHeight="1" x14ac:dyDescent="0.15">
      <c r="A10" s="24"/>
      <c r="B10" s="17"/>
      <c r="C10" s="25"/>
      <c r="D10" s="74"/>
      <c r="E10" s="75"/>
      <c r="F10" s="76"/>
      <c r="G10" s="76"/>
      <c r="H10" s="76"/>
      <c r="I10" s="76"/>
      <c r="J10" s="19"/>
      <c r="P10"/>
      <c r="R10"/>
      <c r="T10"/>
    </row>
    <row r="11" spans="1:21" ht="22.5" customHeight="1" x14ac:dyDescent="0.15">
      <c r="A11" s="26"/>
      <c r="B11" s="39"/>
      <c r="C11" s="27"/>
      <c r="D11" s="77"/>
      <c r="E11" s="78"/>
      <c r="F11" s="79"/>
      <c r="G11" s="79"/>
      <c r="H11" s="79"/>
      <c r="I11" s="79"/>
      <c r="J11" s="20"/>
      <c r="P11"/>
      <c r="R11"/>
      <c r="T11"/>
    </row>
    <row r="12" spans="1:21" ht="22.5" customHeight="1" x14ac:dyDescent="0.15">
      <c r="A12" s="26"/>
      <c r="B12" s="39"/>
      <c r="C12" s="27"/>
      <c r="D12" s="77"/>
      <c r="E12" s="78"/>
      <c r="F12" s="79"/>
      <c r="G12" s="79"/>
      <c r="H12" s="79"/>
      <c r="I12" s="79"/>
      <c r="J12" s="20"/>
      <c r="P12"/>
      <c r="R12"/>
      <c r="T12"/>
    </row>
    <row r="13" spans="1:21" ht="22.5" customHeight="1" x14ac:dyDescent="0.15">
      <c r="A13" s="26"/>
      <c r="B13" s="39"/>
      <c r="C13" s="27"/>
      <c r="D13" s="77"/>
      <c r="E13" s="78"/>
      <c r="F13" s="79"/>
      <c r="G13" s="79"/>
      <c r="H13" s="79"/>
      <c r="I13" s="79"/>
      <c r="J13" s="20"/>
      <c r="P13"/>
      <c r="R13"/>
      <c r="T13"/>
    </row>
    <row r="14" spans="1:21" ht="22.5" customHeight="1" x14ac:dyDescent="0.15">
      <c r="A14" s="26"/>
      <c r="B14" s="39"/>
      <c r="C14" s="27"/>
      <c r="D14" s="77"/>
      <c r="E14" s="78"/>
      <c r="F14" s="79"/>
      <c r="G14" s="79"/>
      <c r="H14" s="79"/>
      <c r="I14" s="79"/>
      <c r="J14" s="20"/>
      <c r="P14"/>
      <c r="R14"/>
      <c r="T14"/>
    </row>
    <row r="15" spans="1:21" ht="22.5" customHeight="1" x14ac:dyDescent="0.15">
      <c r="A15" s="26"/>
      <c r="B15" s="39"/>
      <c r="C15" s="27"/>
      <c r="D15" s="77"/>
      <c r="E15" s="78"/>
      <c r="F15" s="79"/>
      <c r="G15" s="79"/>
      <c r="H15" s="79"/>
      <c r="I15" s="79"/>
      <c r="J15" s="20"/>
      <c r="P15"/>
      <c r="R15"/>
      <c r="T15"/>
    </row>
    <row r="16" spans="1:21" ht="22.5" customHeight="1" x14ac:dyDescent="0.15">
      <c r="A16" s="26"/>
      <c r="B16" s="39"/>
      <c r="C16" s="27"/>
      <c r="D16" s="77"/>
      <c r="E16" s="78"/>
      <c r="F16" s="79"/>
      <c r="G16" s="79"/>
      <c r="H16" s="79"/>
      <c r="I16" s="79"/>
      <c r="J16" s="20"/>
      <c r="P16"/>
      <c r="R16"/>
      <c r="T16"/>
    </row>
    <row r="17" spans="1:20" ht="22.5" customHeight="1" x14ac:dyDescent="0.15">
      <c r="A17" s="28"/>
      <c r="B17" s="39"/>
      <c r="C17" s="27"/>
      <c r="D17" s="48"/>
      <c r="E17" s="49"/>
      <c r="F17" s="50"/>
      <c r="G17" s="50"/>
      <c r="H17" s="50"/>
      <c r="I17" s="50"/>
      <c r="J17" s="20"/>
      <c r="P17"/>
      <c r="R17"/>
      <c r="T17"/>
    </row>
    <row r="18" spans="1:20" ht="22.5" customHeight="1" x14ac:dyDescent="0.15">
      <c r="A18" s="28"/>
      <c r="B18" s="39"/>
      <c r="C18" s="27"/>
      <c r="D18" s="48"/>
      <c r="E18" s="49"/>
      <c r="F18" s="50"/>
      <c r="G18" s="50"/>
      <c r="H18" s="50"/>
      <c r="I18" s="50"/>
      <c r="J18" s="20"/>
      <c r="P18"/>
      <c r="R18"/>
      <c r="T18"/>
    </row>
    <row r="19" spans="1:20" ht="22.5" customHeight="1" x14ac:dyDescent="0.15">
      <c r="A19" s="28"/>
      <c r="B19" s="39"/>
      <c r="C19" s="27"/>
      <c r="D19" s="48"/>
      <c r="E19" s="49"/>
      <c r="F19" s="50"/>
      <c r="G19" s="50"/>
      <c r="H19" s="50"/>
      <c r="I19" s="50"/>
      <c r="J19" s="20"/>
      <c r="P19"/>
      <c r="R19"/>
      <c r="T19"/>
    </row>
    <row r="20" spans="1:20" ht="22.5" customHeight="1" x14ac:dyDescent="0.15">
      <c r="A20" s="28"/>
      <c r="B20" s="39"/>
      <c r="C20" s="27"/>
      <c r="D20" s="48"/>
      <c r="E20" s="49"/>
      <c r="F20" s="50"/>
      <c r="G20" s="50"/>
      <c r="H20" s="50"/>
      <c r="I20" s="50"/>
      <c r="J20" s="20"/>
      <c r="P20"/>
      <c r="R20"/>
      <c r="T20"/>
    </row>
    <row r="21" spans="1:20" ht="22.5" customHeight="1" x14ac:dyDescent="0.15">
      <c r="A21" s="28"/>
      <c r="B21" s="39"/>
      <c r="C21" s="27"/>
      <c r="D21" s="48"/>
      <c r="E21" s="49"/>
      <c r="F21" s="50"/>
      <c r="G21" s="50"/>
      <c r="H21" s="50"/>
      <c r="I21" s="50"/>
      <c r="J21" s="20"/>
      <c r="P21"/>
      <c r="R21"/>
      <c r="T21"/>
    </row>
    <row r="22" spans="1:20" ht="22.5" customHeight="1" x14ac:dyDescent="0.15">
      <c r="A22" s="28"/>
      <c r="B22" s="39"/>
      <c r="C22" s="27"/>
      <c r="D22" s="48"/>
      <c r="E22" s="49"/>
      <c r="F22" s="50"/>
      <c r="G22" s="50"/>
      <c r="H22" s="50"/>
      <c r="I22" s="50"/>
      <c r="J22" s="20"/>
      <c r="P22"/>
      <c r="R22"/>
      <c r="T22"/>
    </row>
    <row r="23" spans="1:20" ht="22.5" customHeight="1" x14ac:dyDescent="0.15">
      <c r="A23" s="28"/>
      <c r="B23" s="39"/>
      <c r="C23" s="27"/>
      <c r="D23" s="48"/>
      <c r="E23" s="49"/>
      <c r="F23" s="50"/>
      <c r="G23" s="50"/>
      <c r="H23" s="50"/>
      <c r="I23" s="50"/>
      <c r="J23" s="20"/>
      <c r="P23"/>
      <c r="R23"/>
      <c r="T23"/>
    </row>
    <row r="24" spans="1:20" ht="22.5" customHeight="1" x14ac:dyDescent="0.15">
      <c r="A24" s="28"/>
      <c r="B24" s="39"/>
      <c r="C24" s="27"/>
      <c r="D24" s="38"/>
      <c r="E24" s="39"/>
      <c r="F24" s="31"/>
      <c r="G24" s="33"/>
      <c r="H24" s="33"/>
      <c r="I24" s="32"/>
      <c r="J24" s="20"/>
      <c r="P24"/>
      <c r="R24"/>
      <c r="T24"/>
    </row>
    <row r="25" spans="1:20" ht="22.5" customHeight="1" x14ac:dyDescent="0.15">
      <c r="A25" s="28"/>
      <c r="B25" s="39"/>
      <c r="C25" s="27"/>
      <c r="D25" s="38"/>
      <c r="E25" s="39"/>
      <c r="F25" s="31"/>
      <c r="G25" s="33"/>
      <c r="H25" s="33"/>
      <c r="I25" s="32"/>
      <c r="J25" s="20"/>
      <c r="P25"/>
      <c r="R25"/>
      <c r="T25"/>
    </row>
    <row r="26" spans="1:20" ht="22.5" customHeight="1" x14ac:dyDescent="0.15">
      <c r="A26" s="28"/>
      <c r="B26" s="39"/>
      <c r="C26" s="27"/>
      <c r="D26" s="38"/>
      <c r="E26" s="39"/>
      <c r="F26" s="31"/>
      <c r="G26" s="33"/>
      <c r="H26" s="33"/>
      <c r="I26" s="32"/>
      <c r="J26" s="20"/>
      <c r="P26"/>
      <c r="R26"/>
      <c r="T26"/>
    </row>
    <row r="27" spans="1:20" ht="22.5" customHeight="1" x14ac:dyDescent="0.15">
      <c r="A27" s="28"/>
      <c r="B27" s="39"/>
      <c r="C27" s="27"/>
      <c r="D27" s="48"/>
      <c r="E27" s="49"/>
      <c r="F27" s="50"/>
      <c r="G27" s="50"/>
      <c r="H27" s="50"/>
      <c r="I27" s="50"/>
      <c r="J27" s="20"/>
      <c r="P27"/>
      <c r="R27"/>
      <c r="T27"/>
    </row>
    <row r="28" spans="1:20" ht="22.5" customHeight="1" thickBot="1" x14ac:dyDescent="0.2">
      <c r="A28" s="29"/>
      <c r="B28" s="37"/>
      <c r="C28" s="30"/>
      <c r="D28" s="53"/>
      <c r="E28" s="54"/>
      <c r="F28" s="55"/>
      <c r="G28" s="55"/>
      <c r="H28" s="55"/>
      <c r="I28" s="55"/>
      <c r="J28" s="21"/>
      <c r="P28"/>
      <c r="R28"/>
      <c r="T28"/>
    </row>
    <row r="29" spans="1:20" ht="22.5" customHeight="1" thickTop="1" x14ac:dyDescent="0.15">
      <c r="A29" s="56" t="s">
        <v>12</v>
      </c>
      <c r="B29" s="56"/>
      <c r="C29" s="56"/>
      <c r="D29" s="56"/>
      <c r="E29" s="56"/>
      <c r="F29" s="56"/>
      <c r="G29" s="56"/>
      <c r="H29" s="56"/>
      <c r="I29" s="56"/>
      <c r="J29" s="34"/>
      <c r="P29"/>
      <c r="R29"/>
      <c r="T29"/>
    </row>
    <row r="31" spans="1:20" ht="22.5" customHeight="1" x14ac:dyDescent="0.15">
      <c r="B31"/>
      <c r="C31"/>
      <c r="E31" s="11"/>
      <c r="F31"/>
      <c r="H31"/>
      <c r="J31"/>
      <c r="P31"/>
      <c r="R31"/>
      <c r="T31"/>
    </row>
    <row r="32" spans="1:20" ht="22.5" customHeight="1" x14ac:dyDescent="0.15">
      <c r="B32"/>
      <c r="C32" t="s">
        <v>16</v>
      </c>
      <c r="D32" s="51"/>
      <c r="E32" s="51"/>
      <c r="F32" s="42"/>
      <c r="G32" s="47" t="s">
        <v>19</v>
      </c>
      <c r="H32" s="47"/>
      <c r="I32" s="47"/>
      <c r="J32" s="44"/>
      <c r="P32"/>
      <c r="R32"/>
      <c r="T32"/>
    </row>
    <row r="33" spans="2:20" ht="22.5" customHeight="1" x14ac:dyDescent="0.15">
      <c r="B33"/>
      <c r="C33" s="43" t="s">
        <v>18</v>
      </c>
      <c r="D33" s="52"/>
      <c r="E33" s="52"/>
      <c r="F33" s="40"/>
      <c r="G33" s="46" t="s">
        <v>17</v>
      </c>
      <c r="H33" s="46"/>
      <c r="I33" s="46"/>
      <c r="J33" s="45"/>
      <c r="P33"/>
      <c r="R33"/>
      <c r="T33"/>
    </row>
    <row r="34" spans="2:20" ht="22.5" customHeight="1" x14ac:dyDescent="0.15">
      <c r="B34"/>
      <c r="C34" s="43" t="s">
        <v>20</v>
      </c>
      <c r="D34" s="52"/>
      <c r="E34" s="52"/>
      <c r="F34"/>
      <c r="J34"/>
      <c r="P34"/>
      <c r="R34"/>
      <c r="T34"/>
    </row>
    <row r="35" spans="2:20" x14ac:dyDescent="0.15">
      <c r="B35"/>
      <c r="C35"/>
      <c r="D35" s="41"/>
      <c r="E35" s="1"/>
      <c r="F35"/>
      <c r="H35"/>
      <c r="J35"/>
      <c r="P35"/>
      <c r="R35"/>
      <c r="T35"/>
    </row>
  </sheetData>
  <mergeCells count="47">
    <mergeCell ref="D16:E16"/>
    <mergeCell ref="F16:I16"/>
    <mergeCell ref="D17:E17"/>
    <mergeCell ref="D13:E13"/>
    <mergeCell ref="F13:I13"/>
    <mergeCell ref="D14:E14"/>
    <mergeCell ref="F14:I14"/>
    <mergeCell ref="D15:E15"/>
    <mergeCell ref="F15:I15"/>
    <mergeCell ref="F17:I17"/>
    <mergeCell ref="D10:E10"/>
    <mergeCell ref="F10:I10"/>
    <mergeCell ref="D11:E11"/>
    <mergeCell ref="F11:I11"/>
    <mergeCell ref="D12:E12"/>
    <mergeCell ref="F12:I12"/>
    <mergeCell ref="A2:J2"/>
    <mergeCell ref="A7:B9"/>
    <mergeCell ref="C7:C9"/>
    <mergeCell ref="D7:E7"/>
    <mergeCell ref="F7:H7"/>
    <mergeCell ref="D8:E8"/>
    <mergeCell ref="F8:I8"/>
    <mergeCell ref="D9:E9"/>
    <mergeCell ref="F9:I9"/>
    <mergeCell ref="D18:E18"/>
    <mergeCell ref="F18:I18"/>
    <mergeCell ref="D19:E19"/>
    <mergeCell ref="F19:I19"/>
    <mergeCell ref="D34:E34"/>
    <mergeCell ref="D21:E21"/>
    <mergeCell ref="F21:I21"/>
    <mergeCell ref="D28:E28"/>
    <mergeCell ref="F28:I28"/>
    <mergeCell ref="A29:I29"/>
    <mergeCell ref="D22:E22"/>
    <mergeCell ref="F22:I22"/>
    <mergeCell ref="D23:E23"/>
    <mergeCell ref="F23:I23"/>
    <mergeCell ref="D27:E27"/>
    <mergeCell ref="F27:I27"/>
    <mergeCell ref="G33:I33"/>
    <mergeCell ref="G32:I32"/>
    <mergeCell ref="D20:E20"/>
    <mergeCell ref="F20:I20"/>
    <mergeCell ref="D32:E32"/>
    <mergeCell ref="D33:E33"/>
  </mergeCells>
  <phoneticPr fontId="2"/>
  <pageMargins left="0.78740157480314965" right="0.78740157480314965" top="0.78740157480314965" bottom="0.78740157480314965" header="0.51181102362204722" footer="0.51181102362204722"/>
  <pageSetup paperSize="9" orientation="portrait" r:id="rId1"/>
  <headerFooter alignWithMargins="0">
    <oddHeader>&amp;R&amp;12別紙　３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弁栓類鉄蓋据付</vt:lpstr>
      <vt:lpstr>弁栓類鉄蓋据付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6793</dc:creator>
  <cp:lastModifiedBy>岡山市水道局</cp:lastModifiedBy>
  <cp:lastPrinted>2020-02-12T07:53:54Z</cp:lastPrinted>
  <dcterms:created xsi:type="dcterms:W3CDTF">2010-12-15T06:48:44Z</dcterms:created>
  <dcterms:modified xsi:type="dcterms:W3CDTF">2021-03-26T04:46:07Z</dcterms:modified>
</cp:coreProperties>
</file>